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6\02_group\02_保育・待機児童対策グループ\07 施設型給付\99 保育料無償化問題\10幼児保育・保育無償化対象施設リスト\R5\14_【R5.04】幼児教育・保育の無償化対象施設リストの更新\04_CMS更新・市町村案内文起案\各更新ファイル\"/>
    </mc:Choice>
  </mc:AlternateContent>
  <bookViews>
    <workbookView xWindow="0" yWindow="0" windowWidth="20496" windowHeight="7752"/>
  </bookViews>
  <sheets>
    <sheet name="病児保育" sheetId="3" r:id="rId1"/>
  </sheets>
  <definedNames>
    <definedName name="_xlnm.Print_Area" localSheetId="0">病児保育!$A$1:$F$47</definedName>
    <definedName name="_xlnm.Print_Titles" localSheetId="0">病児保育!$2: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8" uniqueCount="162">
  <si>
    <t>No</t>
    <phoneticPr fontId="1"/>
  </si>
  <si>
    <t>市町村名</t>
    <rPh sb="0" eb="3">
      <t>シチョウソン</t>
    </rPh>
    <rPh sb="3" eb="4">
      <t>メイ</t>
    </rPh>
    <phoneticPr fontId="1"/>
  </si>
  <si>
    <t>住所</t>
    <rPh sb="0" eb="2">
      <t>ジュウショ</t>
    </rPh>
    <phoneticPr fontId="1"/>
  </si>
  <si>
    <t>備考</t>
    <rPh sb="0" eb="2">
      <t>ビコウ</t>
    </rPh>
    <phoneticPr fontId="1"/>
  </si>
  <si>
    <t>電話</t>
    <rPh sb="0" eb="2">
      <t>デンワ</t>
    </rPh>
    <phoneticPr fontId="1"/>
  </si>
  <si>
    <t>施設名</t>
    <rPh sb="0" eb="2">
      <t>シセツ</t>
    </rPh>
    <rPh sb="2" eb="3">
      <t>メイ</t>
    </rPh>
    <phoneticPr fontId="1"/>
  </si>
  <si>
    <t>横須賀市</t>
    <rPh sb="0" eb="4">
      <t>ヨコスカシ</t>
    </rPh>
    <phoneticPr fontId="1"/>
  </si>
  <si>
    <t>平塚市</t>
    <rPh sb="0" eb="3">
      <t>ヒラツカシ</t>
    </rPh>
    <phoneticPr fontId="1"/>
  </si>
  <si>
    <t>病後児保育室　なでしこ</t>
    <rPh sb="0" eb="2">
      <t>ビョウゴ</t>
    </rPh>
    <rPh sb="2" eb="3">
      <t>ジ</t>
    </rPh>
    <rPh sb="3" eb="5">
      <t>ホイク</t>
    </rPh>
    <rPh sb="5" eb="6">
      <t>シツ</t>
    </rPh>
    <phoneticPr fontId="1"/>
  </si>
  <si>
    <t>0463-22-0058</t>
    <phoneticPr fontId="1"/>
  </si>
  <si>
    <t>小田原市</t>
    <rPh sb="0" eb="4">
      <t>オダワラシ</t>
    </rPh>
    <phoneticPr fontId="1"/>
  </si>
  <si>
    <t>ほうあんりすのもり</t>
  </si>
  <si>
    <t>080-4371-1900</t>
    <phoneticPr fontId="1"/>
  </si>
  <si>
    <t>病後児保育室「らっこ組」</t>
    <rPh sb="0" eb="2">
      <t>ビョウゴ</t>
    </rPh>
    <rPh sb="2" eb="3">
      <t>ジ</t>
    </rPh>
    <rPh sb="3" eb="6">
      <t>ホイクシツ</t>
    </rPh>
    <rPh sb="10" eb="11">
      <t>グミ</t>
    </rPh>
    <phoneticPr fontId="1"/>
  </si>
  <si>
    <t>0465-42-6354</t>
    <phoneticPr fontId="1"/>
  </si>
  <si>
    <t>病児保育室「JAMBO!」</t>
    <rPh sb="0" eb="2">
      <t>ビョウジ</t>
    </rPh>
    <rPh sb="2" eb="5">
      <t>ホイクシツ</t>
    </rPh>
    <phoneticPr fontId="1"/>
  </si>
  <si>
    <t>0465-34-0666</t>
    <phoneticPr fontId="1"/>
  </si>
  <si>
    <t>大磯町</t>
    <rPh sb="0" eb="3">
      <t>オオイソマチ</t>
    </rPh>
    <phoneticPr fontId="1"/>
  </si>
  <si>
    <t>0463-74-5918</t>
    <phoneticPr fontId="1"/>
  </si>
  <si>
    <t>大和市</t>
    <rPh sb="0" eb="3">
      <t>ヤマトシ</t>
    </rPh>
    <phoneticPr fontId="1"/>
  </si>
  <si>
    <t>大和市病児保育ぽかぽか</t>
    <rPh sb="0" eb="3">
      <t>ヤマトシ</t>
    </rPh>
    <rPh sb="3" eb="5">
      <t>ビョウジ</t>
    </rPh>
    <rPh sb="5" eb="7">
      <t>ホイク</t>
    </rPh>
    <phoneticPr fontId="1"/>
  </si>
  <si>
    <t>046-263-5115</t>
  </si>
  <si>
    <t>もみの木医院病児保育室</t>
    <rPh sb="3" eb="4">
      <t>キ</t>
    </rPh>
    <rPh sb="4" eb="6">
      <t>イイン</t>
    </rPh>
    <rPh sb="6" eb="8">
      <t>ビョウジ</t>
    </rPh>
    <rPh sb="8" eb="11">
      <t>ホイクシツ</t>
    </rPh>
    <phoneticPr fontId="1"/>
  </si>
  <si>
    <t>大和市大和南2-6-5</t>
    <rPh sb="0" eb="3">
      <t>ヤマトシ</t>
    </rPh>
    <rPh sb="3" eb="5">
      <t>ヤマト</t>
    </rPh>
    <rPh sb="5" eb="6">
      <t>ミナミ</t>
    </rPh>
    <phoneticPr fontId="1"/>
  </si>
  <si>
    <t>046-261-6164</t>
  </si>
  <si>
    <t>大和市中央林間4-21-19</t>
    <rPh sb="0" eb="3">
      <t>ヤマトシ</t>
    </rPh>
    <rPh sb="3" eb="7">
      <t>チュウオウリンカン</t>
    </rPh>
    <phoneticPr fontId="1"/>
  </si>
  <si>
    <t>046-259-9332</t>
  </si>
  <si>
    <t>厚木市</t>
    <rPh sb="0" eb="3">
      <t>アツギシ</t>
    </rPh>
    <phoneticPr fontId="1"/>
  </si>
  <si>
    <t>厚木市恩名１-10-38</t>
  </si>
  <si>
    <t>046-296-5177</t>
    <phoneticPr fontId="1"/>
  </si>
  <si>
    <t>開成町</t>
    <rPh sb="0" eb="3">
      <t>カイセイマチ</t>
    </rPh>
    <phoneticPr fontId="1"/>
  </si>
  <si>
    <t>病児保育室ピーターパン</t>
    <rPh sb="0" eb="2">
      <t>ビョウジ</t>
    </rPh>
    <rPh sb="2" eb="4">
      <t>ホイク</t>
    </rPh>
    <rPh sb="4" eb="5">
      <t>シツ</t>
    </rPh>
    <phoneticPr fontId="1"/>
  </si>
  <si>
    <t>0465-85-3223</t>
  </si>
  <si>
    <t>大磯町大磯1121</t>
    <rPh sb="0" eb="3">
      <t>オオイソマチ</t>
    </rPh>
    <rPh sb="3" eb="5">
      <t>オオイソ</t>
    </rPh>
    <phoneticPr fontId="1"/>
  </si>
  <si>
    <t>伊勢原市田中345</t>
    <rPh sb="0" eb="4">
      <t>イセハラシ</t>
    </rPh>
    <rPh sb="4" eb="6">
      <t>タナカ</t>
    </rPh>
    <phoneticPr fontId="1"/>
  </si>
  <si>
    <t>0463-94-2148</t>
    <phoneticPr fontId="1"/>
  </si>
  <si>
    <t>伊勢原市</t>
    <rPh sb="0" eb="4">
      <t>イセハラシ</t>
    </rPh>
    <phoneticPr fontId="1"/>
  </si>
  <si>
    <t>伊勢原協同病院
病児･病後児保育室ひまわり</t>
    <rPh sb="0" eb="3">
      <t>イセハラ</t>
    </rPh>
    <rPh sb="3" eb="5">
      <t>キョウドウ</t>
    </rPh>
    <rPh sb="5" eb="7">
      <t>ビョウイン</t>
    </rPh>
    <rPh sb="8" eb="10">
      <t>ビョウジ</t>
    </rPh>
    <rPh sb="11" eb="13">
      <t>ビョウゴ</t>
    </rPh>
    <rPh sb="13" eb="14">
      <t>ジ</t>
    </rPh>
    <rPh sb="14" eb="17">
      <t>ホイクシツ</t>
    </rPh>
    <phoneticPr fontId="1"/>
  </si>
  <si>
    <t>相模原市</t>
    <rPh sb="0" eb="4">
      <t>サガミハラシ</t>
    </rPh>
    <phoneticPr fontId="1"/>
  </si>
  <si>
    <t>病後児保育センター　ぽっかぽか</t>
  </si>
  <si>
    <t>042-704-1300</t>
    <phoneticPr fontId="1"/>
  </si>
  <si>
    <t>北里キッズケアルーム「ひまわり」</t>
  </si>
  <si>
    <t>042-778-7815</t>
    <phoneticPr fontId="1"/>
  </si>
  <si>
    <t>神奈川県厚生農業協同組合連合会
相模原協同病院　
病児保育室みどりっこ</t>
    <phoneticPr fontId="1"/>
  </si>
  <si>
    <t>相模原市中央区淵野辺3-7-20</t>
    <rPh sb="0" eb="4">
      <t>サガミハラシ</t>
    </rPh>
    <phoneticPr fontId="1"/>
  </si>
  <si>
    <t>相模原市南区北里1-15-1</t>
    <rPh sb="0" eb="4">
      <t>サガミハラシ</t>
    </rPh>
    <phoneticPr fontId="1"/>
  </si>
  <si>
    <t>平塚市宮の前4－13</t>
    <rPh sb="0" eb="3">
      <t>ヒラツカシ</t>
    </rPh>
    <rPh sb="3" eb="4">
      <t>ミヤ</t>
    </rPh>
    <rPh sb="5" eb="6">
      <t>マエ</t>
    </rPh>
    <phoneticPr fontId="1"/>
  </si>
  <si>
    <t>小田原市浜町1丁目3番8号</t>
    <rPh sb="0" eb="4">
      <t>オダワラシ</t>
    </rPh>
    <rPh sb="4" eb="5">
      <t>ハマ</t>
    </rPh>
    <rPh sb="7" eb="9">
      <t>チョウメ</t>
    </rPh>
    <rPh sb="10" eb="11">
      <t>バン</t>
    </rPh>
    <rPh sb="12" eb="13">
      <t>ゴウ</t>
    </rPh>
    <phoneticPr fontId="1"/>
  </si>
  <si>
    <t>小田原市曽我光海20番地の1</t>
    <rPh sb="0" eb="4">
      <t>オダワラシ</t>
    </rPh>
    <rPh sb="4" eb="6">
      <t>ソガ</t>
    </rPh>
    <rPh sb="6" eb="7">
      <t>ヒカリ</t>
    </rPh>
    <rPh sb="7" eb="8">
      <t>ウミ</t>
    </rPh>
    <rPh sb="10" eb="12">
      <t>バンチ</t>
    </rPh>
    <phoneticPr fontId="1"/>
  </si>
  <si>
    <t>小田原市北ノ窪515番地の3</t>
    <rPh sb="0" eb="4">
      <t>オダワラシ</t>
    </rPh>
    <rPh sb="4" eb="5">
      <t>キタ</t>
    </rPh>
    <rPh sb="6" eb="7">
      <t>クボ</t>
    </rPh>
    <rPh sb="10" eb="12">
      <t>バンチ</t>
    </rPh>
    <phoneticPr fontId="1"/>
  </si>
  <si>
    <t>厚木市中町4-9-14</t>
    <phoneticPr fontId="1"/>
  </si>
  <si>
    <t>開成町みなみ5丁目4番地17　
サウスポート内2階</t>
    <rPh sb="0" eb="3">
      <t>カイセイマチ</t>
    </rPh>
    <rPh sb="7" eb="9">
      <t>チョウメ</t>
    </rPh>
    <rPh sb="10" eb="12">
      <t>バンチ</t>
    </rPh>
    <rPh sb="22" eb="23">
      <t>ナイ</t>
    </rPh>
    <rPh sb="24" eb="25">
      <t>カイ</t>
    </rPh>
    <phoneticPr fontId="1"/>
  </si>
  <si>
    <t>藤沢市</t>
    <rPh sb="0" eb="3">
      <t>フジサワシ</t>
    </rPh>
    <phoneticPr fontId="1"/>
  </si>
  <si>
    <t>キディ鵠沼・藤沢</t>
  </si>
  <si>
    <t>0466-52-2345</t>
    <phoneticPr fontId="1"/>
  </si>
  <si>
    <t>保育園小さなほし</t>
  </si>
  <si>
    <t>0466-41-3660</t>
    <phoneticPr fontId="1"/>
  </si>
  <si>
    <t>キディ湘南Ｃ－Ｘ</t>
  </si>
  <si>
    <t>0466-30-3515</t>
    <phoneticPr fontId="1"/>
  </si>
  <si>
    <t>秦野市</t>
    <rPh sb="0" eb="3">
      <t>ハダノシ</t>
    </rPh>
    <phoneticPr fontId="1"/>
  </si>
  <si>
    <t>ひろはたこども園（おひさまルーム）</t>
    <rPh sb="7" eb="8">
      <t>エン</t>
    </rPh>
    <phoneticPr fontId="1"/>
  </si>
  <si>
    <t>0463-79-3115</t>
    <phoneticPr fontId="1"/>
  </si>
  <si>
    <t>鎌倉市</t>
    <rPh sb="0" eb="3">
      <t>カマクラシ</t>
    </rPh>
    <phoneticPr fontId="1"/>
  </si>
  <si>
    <t>病児・病後児保育室
naste大船</t>
    <rPh sb="0" eb="2">
      <t>ビョウジ</t>
    </rPh>
    <rPh sb="3" eb="5">
      <t>ビョウゴ</t>
    </rPh>
    <rPh sb="5" eb="6">
      <t>ジ</t>
    </rPh>
    <rPh sb="6" eb="8">
      <t>ホイク</t>
    </rPh>
    <rPh sb="8" eb="9">
      <t>シツ</t>
    </rPh>
    <rPh sb="15" eb="17">
      <t>オオフナ</t>
    </rPh>
    <phoneticPr fontId="1"/>
  </si>
  <si>
    <t>鎌倉市大船１－27－28－502</t>
    <phoneticPr fontId="1"/>
  </si>
  <si>
    <t>0467-73-8841</t>
    <phoneticPr fontId="1"/>
  </si>
  <si>
    <t>かまくらファミリークリニック
病児保育室トコトコ</t>
    <rPh sb="15" eb="17">
      <t>ビョウジ</t>
    </rPh>
    <rPh sb="17" eb="19">
      <t>ホイク</t>
    </rPh>
    <rPh sb="19" eb="20">
      <t>シツ</t>
    </rPh>
    <phoneticPr fontId="1"/>
  </si>
  <si>
    <t>0467-38-9009</t>
    <phoneticPr fontId="1"/>
  </si>
  <si>
    <t>認定こども園あおばと</t>
    <rPh sb="0" eb="2">
      <t>ニンテイ</t>
    </rPh>
    <rPh sb="5" eb="6">
      <t>エン</t>
    </rPh>
    <phoneticPr fontId="1"/>
  </si>
  <si>
    <t>茅ヶ崎市</t>
    <rPh sb="0" eb="4">
      <t>チガサキシ</t>
    </rPh>
    <phoneticPr fontId="1"/>
  </si>
  <si>
    <t>茅ヶ崎市立中海岸保育園</t>
    <phoneticPr fontId="1"/>
  </si>
  <si>
    <t>川崎市</t>
    <rPh sb="0" eb="3">
      <t>カワサキシ</t>
    </rPh>
    <phoneticPr fontId="1"/>
  </si>
  <si>
    <t>エンゼル川崎</t>
    <rPh sb="4" eb="6">
      <t>カワサキ</t>
    </rPh>
    <phoneticPr fontId="1"/>
  </si>
  <si>
    <t>エンゼル幸</t>
    <rPh sb="4" eb="5">
      <t>サイワイ</t>
    </rPh>
    <phoneticPr fontId="1"/>
  </si>
  <si>
    <t>川崎市幸区柳町55-3</t>
  </si>
  <si>
    <t>エンゼル中原</t>
    <rPh sb="4" eb="6">
      <t>ナカハラ</t>
    </rPh>
    <phoneticPr fontId="1"/>
  </si>
  <si>
    <t>エンゼル高津</t>
    <rPh sb="4" eb="6">
      <t>タカツ</t>
    </rPh>
    <phoneticPr fontId="1"/>
  </si>
  <si>
    <t>川崎市高津区二子5-14-56</t>
  </si>
  <si>
    <t>エンゼル宮前</t>
    <rPh sb="4" eb="6">
      <t>ミヤマエ</t>
    </rPh>
    <phoneticPr fontId="1"/>
  </si>
  <si>
    <t>川崎市宮前区土橋7-25-15</t>
  </si>
  <si>
    <t>エンゼル多摩</t>
    <rPh sb="4" eb="6">
      <t>タマ</t>
    </rPh>
    <phoneticPr fontId="1"/>
  </si>
  <si>
    <t>川崎市多摩区中野島3-15-10</t>
  </si>
  <si>
    <t>エンゼル麻生</t>
    <rPh sb="4" eb="6">
      <t>アサオ</t>
    </rPh>
    <phoneticPr fontId="1"/>
  </si>
  <si>
    <t>川崎市麻生区栗木台1-2-5</t>
  </si>
  <si>
    <t>川崎市川崎区藤崎1-1-3 
富有レジデンス1階</t>
    <phoneticPr fontId="1"/>
  </si>
  <si>
    <t>川崎市中原区新城3-5-1 
新城中島ビル3階</t>
    <phoneticPr fontId="1"/>
  </si>
  <si>
    <t>鎌倉市由比ガ浜2-6-20-202</t>
    <rPh sb="3" eb="5">
      <t>ユイ</t>
    </rPh>
    <rPh sb="6" eb="7">
      <t>ハマ</t>
    </rPh>
    <phoneticPr fontId="1"/>
  </si>
  <si>
    <t>藤沢市鵠沼藤が谷1-7-8</t>
    <rPh sb="0" eb="3">
      <t>フジサワシ</t>
    </rPh>
    <phoneticPr fontId="1"/>
  </si>
  <si>
    <t>藤沢市湘南台3-9-1</t>
    <rPh sb="0" eb="3">
      <t>フジサワシ</t>
    </rPh>
    <phoneticPr fontId="1"/>
  </si>
  <si>
    <t>藤沢市辻堂神台1-3-39　
オザワビル2・3階</t>
    <rPh sb="0" eb="3">
      <t>フジサワシ</t>
    </rPh>
    <phoneticPr fontId="1"/>
  </si>
  <si>
    <t>茅ヶ崎市中海岸一丁目2番42号</t>
    <phoneticPr fontId="1"/>
  </si>
  <si>
    <t>秦野市下大槻138番地</t>
    <phoneticPr fontId="1"/>
  </si>
  <si>
    <t>南足柄市</t>
    <rPh sb="0" eb="4">
      <t>ミナミアシガラシ</t>
    </rPh>
    <phoneticPr fontId="1"/>
  </si>
  <si>
    <t>0465-46-6873</t>
    <phoneticPr fontId="1"/>
  </si>
  <si>
    <t>綾瀬市</t>
    <rPh sb="0" eb="3">
      <t>アヤセシ</t>
    </rPh>
    <phoneticPr fontId="1"/>
  </si>
  <si>
    <t>病児保育室ぽとふ</t>
    <rPh sb="0" eb="2">
      <t>ビョウジ</t>
    </rPh>
    <rPh sb="2" eb="5">
      <t>ホイクシツ</t>
    </rPh>
    <phoneticPr fontId="1"/>
  </si>
  <si>
    <t>綾瀬市寺尾西3-11-1</t>
    <phoneticPr fontId="1"/>
  </si>
  <si>
    <t>0467-71-1236</t>
    <phoneticPr fontId="1"/>
  </si>
  <si>
    <t>保育所きっずらんどフェアリー</t>
    <rPh sb="0" eb="2">
      <t>ホイク</t>
    </rPh>
    <rPh sb="2" eb="3">
      <t>ショ</t>
    </rPh>
    <phoneticPr fontId="1"/>
  </si>
  <si>
    <t>0466-33-4545</t>
    <phoneticPr fontId="1"/>
  </si>
  <si>
    <t>病児ほいくしつ湘南</t>
    <rPh sb="0" eb="2">
      <t>ビョウジ</t>
    </rPh>
    <rPh sb="7" eb="9">
      <t>ショウナン</t>
    </rPh>
    <phoneticPr fontId="1"/>
  </si>
  <si>
    <t>0466-43-6307</t>
    <phoneticPr fontId="1"/>
  </si>
  <si>
    <t>葉山町</t>
    <rPh sb="0" eb="3">
      <t>ハヤママチ</t>
    </rPh>
    <phoneticPr fontId="1"/>
  </si>
  <si>
    <t>葉山町子育て支援センター
（ファミリーサポートセンター）</t>
    <rPh sb="0" eb="3">
      <t>ハヤママチ</t>
    </rPh>
    <rPh sb="3" eb="5">
      <t>コソダ</t>
    </rPh>
    <rPh sb="6" eb="8">
      <t>シエン</t>
    </rPh>
    <phoneticPr fontId="1"/>
  </si>
  <si>
    <t>葉山町一色1493-1</t>
    <rPh sb="0" eb="3">
      <t>ハヤママチ</t>
    </rPh>
    <rPh sb="3" eb="5">
      <t>イシキ</t>
    </rPh>
    <phoneticPr fontId="1"/>
  </si>
  <si>
    <t>046-876-4152</t>
    <phoneticPr fontId="1"/>
  </si>
  <si>
    <t>葉山にこにこ保育園</t>
    <rPh sb="0" eb="2">
      <t>ハヤマ</t>
    </rPh>
    <rPh sb="6" eb="9">
      <t>ホイクエン</t>
    </rPh>
    <phoneticPr fontId="1"/>
  </si>
  <si>
    <t>葉山町長柄991-1</t>
    <rPh sb="0" eb="3">
      <t>ハヤママチ</t>
    </rPh>
    <rPh sb="3" eb="5">
      <t>ナガエ</t>
    </rPh>
    <phoneticPr fontId="1"/>
  </si>
  <si>
    <t>046-875-2324</t>
    <phoneticPr fontId="1"/>
  </si>
  <si>
    <t>座間市</t>
    <rPh sb="0" eb="3">
      <t>ザマシ</t>
    </rPh>
    <phoneticPr fontId="1"/>
  </si>
  <si>
    <t>広野台保育園病後児保育センターすずらん</t>
    <rPh sb="0" eb="2">
      <t>ヒロノ</t>
    </rPh>
    <rPh sb="2" eb="3">
      <t>ダイ</t>
    </rPh>
    <rPh sb="3" eb="6">
      <t>ホイクエン</t>
    </rPh>
    <rPh sb="6" eb="8">
      <t>ビョウゴ</t>
    </rPh>
    <rPh sb="8" eb="9">
      <t>ジ</t>
    </rPh>
    <rPh sb="9" eb="11">
      <t>ホイク</t>
    </rPh>
    <phoneticPr fontId="1"/>
  </si>
  <si>
    <t>046-255-3616</t>
    <phoneticPr fontId="1"/>
  </si>
  <si>
    <t>にじのはし保育園</t>
    <rPh sb="5" eb="8">
      <t>ホイクエン</t>
    </rPh>
    <phoneticPr fontId="1"/>
  </si>
  <si>
    <t>046-240-9488</t>
    <phoneticPr fontId="1"/>
  </si>
  <si>
    <t>042-713-3745</t>
    <phoneticPr fontId="1"/>
  </si>
  <si>
    <t>046-822-9981</t>
    <phoneticPr fontId="1"/>
  </si>
  <si>
    <t>麦・もんもん病児保育室</t>
    <rPh sb="0" eb="1">
      <t>ムギ</t>
    </rPh>
    <rPh sb="6" eb="11">
      <t>ビョウジホイクシツ</t>
    </rPh>
    <phoneticPr fontId="1"/>
  </si>
  <si>
    <t>平塚市松風町23-51-1</t>
    <rPh sb="0" eb="3">
      <t>ヒラツカシ</t>
    </rPh>
    <rPh sb="3" eb="5">
      <t>マツカゼ</t>
    </rPh>
    <rPh sb="5" eb="6">
      <t>マチ</t>
    </rPh>
    <phoneticPr fontId="1"/>
  </si>
  <si>
    <t>0463-75-9677</t>
    <phoneticPr fontId="1"/>
  </si>
  <si>
    <t>藤が岡保育園（病児保育室）</t>
    <rPh sb="0" eb="1">
      <t>フジ</t>
    </rPh>
    <rPh sb="2" eb="3">
      <t>オカ</t>
    </rPh>
    <rPh sb="3" eb="6">
      <t>ホイクエン</t>
    </rPh>
    <rPh sb="7" eb="9">
      <t>ビョウジ</t>
    </rPh>
    <rPh sb="9" eb="11">
      <t>ホイク</t>
    </rPh>
    <rPh sb="11" eb="12">
      <t>シツ</t>
    </rPh>
    <phoneticPr fontId="1"/>
  </si>
  <si>
    <t>0465-27-2929</t>
    <phoneticPr fontId="1"/>
  </si>
  <si>
    <t>0467-59-1530</t>
    <phoneticPr fontId="1"/>
  </si>
  <si>
    <t>海老名市</t>
    <rPh sb="0" eb="4">
      <t>エビナシ</t>
    </rPh>
    <phoneticPr fontId="1"/>
  </si>
  <si>
    <t>ほほえみさくら保育園（ほほえみ病児・病後児保育室）</t>
    <rPh sb="7" eb="10">
      <t>ホイクエン</t>
    </rPh>
    <rPh sb="15" eb="17">
      <t>ビョウジ</t>
    </rPh>
    <rPh sb="18" eb="20">
      <t>ビョウゴ</t>
    </rPh>
    <rPh sb="20" eb="21">
      <t>ジ</t>
    </rPh>
    <rPh sb="21" eb="23">
      <t>ホイク</t>
    </rPh>
    <rPh sb="23" eb="24">
      <t>シツ</t>
    </rPh>
    <phoneticPr fontId="1"/>
  </si>
  <si>
    <t>090-6832-0105</t>
    <phoneticPr fontId="1"/>
  </si>
  <si>
    <t>相模原市緑区橋本台4－3－1</t>
    <rPh sb="0" eb="4">
      <t>サガミハラシ</t>
    </rPh>
    <rPh sb="8" eb="9">
      <t>ダイ</t>
    </rPh>
    <phoneticPr fontId="1"/>
  </si>
  <si>
    <t>十六山病児保育室Bambini</t>
    <rPh sb="0" eb="2">
      <t>ジュウロク</t>
    </rPh>
    <rPh sb="2" eb="3">
      <t>ヤマ</t>
    </rPh>
    <rPh sb="3" eb="5">
      <t>ビョウジ</t>
    </rPh>
    <rPh sb="5" eb="8">
      <t>ホイクシツ</t>
    </rPh>
    <phoneticPr fontId="1"/>
  </si>
  <si>
    <t>桃とひよこ病児・病後児保育室</t>
    <rPh sb="0" eb="1">
      <t>モモ</t>
    </rPh>
    <rPh sb="5" eb="7">
      <t>ビョウジ</t>
    </rPh>
    <rPh sb="8" eb="10">
      <t>ビョウゴ</t>
    </rPh>
    <rPh sb="10" eb="11">
      <t>ジ</t>
    </rPh>
    <rPh sb="11" eb="13">
      <t>ホイク</t>
    </rPh>
    <rPh sb="13" eb="14">
      <t>シツ</t>
    </rPh>
    <phoneticPr fontId="1"/>
  </si>
  <si>
    <t>藤沢市下土棚444-8（長後中央医院内）</t>
    <rPh sb="12" eb="14">
      <t>チョウゴ</t>
    </rPh>
    <rPh sb="14" eb="16">
      <t>チュウオウ</t>
    </rPh>
    <rPh sb="16" eb="18">
      <t>イイン</t>
    </rPh>
    <rPh sb="18" eb="19">
      <t>ナイ</t>
    </rPh>
    <phoneticPr fontId="1"/>
  </si>
  <si>
    <t>藤沢市藤が岡2-3-5</t>
    <rPh sb="0" eb="3">
      <t>フジサワシ</t>
    </rPh>
    <rPh sb="3" eb="4">
      <t>フジ</t>
    </rPh>
    <rPh sb="5" eb="6">
      <t>オカ</t>
    </rPh>
    <phoneticPr fontId="1"/>
  </si>
  <si>
    <t>小田原市栄町1-5-17　
ヘルスケアタワー小田原６階</t>
    <rPh sb="0" eb="3">
      <t>オダワラ</t>
    </rPh>
    <rPh sb="3" eb="4">
      <t>シ</t>
    </rPh>
    <rPh sb="4" eb="6">
      <t>サカエマチ</t>
    </rPh>
    <rPh sb="22" eb="25">
      <t>オダワラ</t>
    </rPh>
    <rPh sb="26" eb="27">
      <t>カイ</t>
    </rPh>
    <phoneticPr fontId="1"/>
  </si>
  <si>
    <t>大和市深見西8-3-39 大和市立病院敷地内</t>
    <rPh sb="0" eb="3">
      <t>ヤマトシ</t>
    </rPh>
    <rPh sb="3" eb="5">
      <t>フカミ</t>
    </rPh>
    <rPh sb="5" eb="6">
      <t>ニシ</t>
    </rPh>
    <rPh sb="13" eb="16">
      <t>ヤマトシ</t>
    </rPh>
    <rPh sb="16" eb="17">
      <t>リツ</t>
    </rPh>
    <rPh sb="17" eb="19">
      <t>ビョウイン</t>
    </rPh>
    <rPh sb="19" eb="21">
      <t>シキチ</t>
    </rPh>
    <rPh sb="21" eb="22">
      <t>ナイ</t>
    </rPh>
    <phoneticPr fontId="1"/>
  </si>
  <si>
    <t>座間市広野台一丁目32番3号</t>
    <rPh sb="0" eb="3">
      <t>ザマシ</t>
    </rPh>
    <rPh sb="3" eb="5">
      <t>ヒロノ</t>
    </rPh>
    <rPh sb="5" eb="6">
      <t>ダイ</t>
    </rPh>
    <rPh sb="6" eb="7">
      <t>１</t>
    </rPh>
    <rPh sb="7" eb="9">
      <t>チョウメ</t>
    </rPh>
    <rPh sb="11" eb="12">
      <t>バン</t>
    </rPh>
    <rPh sb="13" eb="14">
      <t>ゴウ</t>
    </rPh>
    <phoneticPr fontId="1"/>
  </si>
  <si>
    <t>座間市緑ケ丘四丁目12番23号
Ｆｒａｇｏｌａ2F</t>
    <rPh sb="0" eb="3">
      <t>ザマシ</t>
    </rPh>
    <rPh sb="3" eb="4">
      <t>ミドリ</t>
    </rPh>
    <rPh sb="5" eb="6">
      <t>オカ</t>
    </rPh>
    <rPh sb="6" eb="7">
      <t>４</t>
    </rPh>
    <rPh sb="7" eb="9">
      <t>チョウメ</t>
    </rPh>
    <rPh sb="11" eb="12">
      <t>バン</t>
    </rPh>
    <rPh sb="14" eb="15">
      <t>ゴウ</t>
    </rPh>
    <phoneticPr fontId="1"/>
  </si>
  <si>
    <t>南足柄市関本569番地ヴェルミⅡ4階</t>
    <rPh sb="0" eb="4">
      <t>ミナミアシガラシ</t>
    </rPh>
    <rPh sb="4" eb="6">
      <t>セキモト</t>
    </rPh>
    <rPh sb="9" eb="11">
      <t>バンチ</t>
    </rPh>
    <rPh sb="17" eb="18">
      <t>カイ</t>
    </rPh>
    <phoneticPr fontId="1"/>
  </si>
  <si>
    <t>横須賀市上町2－36　
横須賀市立うわまち病院内</t>
    <rPh sb="0" eb="4">
      <t>ヨコスカシ</t>
    </rPh>
    <rPh sb="4" eb="6">
      <t>ウワマチ</t>
    </rPh>
    <rPh sb="12" eb="16">
      <t>ヨコスカシ</t>
    </rPh>
    <rPh sb="16" eb="17">
      <t>リツ</t>
    </rPh>
    <rPh sb="21" eb="23">
      <t>ビョウイン</t>
    </rPh>
    <rPh sb="23" eb="24">
      <t>ナイ</t>
    </rPh>
    <phoneticPr fontId="1"/>
  </si>
  <si>
    <t>小田原駅前病児保育　
ファイン・おだわら</t>
    <rPh sb="0" eb="4">
      <t>オダワラエキ</t>
    </rPh>
    <rPh sb="4" eb="5">
      <t>マエ</t>
    </rPh>
    <rPh sb="5" eb="7">
      <t>ビョウジ</t>
    </rPh>
    <rPh sb="7" eb="9">
      <t>ホイク</t>
    </rPh>
    <phoneticPr fontId="1"/>
  </si>
  <si>
    <t>うわまち病院病児・病後児保育センター</t>
    <rPh sb="6" eb="8">
      <t>ビョウジ</t>
    </rPh>
    <rPh sb="9" eb="11">
      <t>ビョウゴ</t>
    </rPh>
    <rPh sb="11" eb="12">
      <t>ジ</t>
    </rPh>
    <rPh sb="12" eb="14">
      <t>ホイク</t>
    </rPh>
    <phoneticPr fontId="1"/>
  </si>
  <si>
    <t>あゆのこ保育園
（「病後児保育室」ゆず）</t>
    <phoneticPr fontId="1"/>
  </si>
  <si>
    <t>藤沢市辻堂新町1-2-23　
プリメロ湘南2F-A2</t>
    <phoneticPr fontId="1"/>
  </si>
  <si>
    <t>046-240-6072</t>
    <phoneticPr fontId="1"/>
  </si>
  <si>
    <t>マーガレット保育園
（さつき病児保育室）</t>
    <phoneticPr fontId="1"/>
  </si>
  <si>
    <t>ゆい保育園たまがわ</t>
    <rPh sb="2" eb="5">
      <t>ホイクエン</t>
    </rPh>
    <phoneticPr fontId="1"/>
  </si>
  <si>
    <t>川崎市多摩区中野島1655-1</t>
    <rPh sb="0" eb="3">
      <t>カワサキシ</t>
    </rPh>
    <rPh sb="3" eb="6">
      <t>タマク</t>
    </rPh>
    <phoneticPr fontId="1"/>
  </si>
  <si>
    <t>044-201-6937</t>
    <phoneticPr fontId="1"/>
  </si>
  <si>
    <t>044-555-6741</t>
    <phoneticPr fontId="1"/>
  </si>
  <si>
    <t>044-872-9137</t>
    <phoneticPr fontId="1"/>
  </si>
  <si>
    <t>044-833-8872</t>
    <phoneticPr fontId="1"/>
  </si>
  <si>
    <t>044-789-9117</t>
    <phoneticPr fontId="1"/>
  </si>
  <si>
    <t>044-922-8724</t>
    <phoneticPr fontId="1"/>
  </si>
  <si>
    <t>044-455-5473</t>
    <phoneticPr fontId="1"/>
  </si>
  <si>
    <t>044-455-4800</t>
  </si>
  <si>
    <t>マナマーレ保育園</t>
    <rPh sb="5" eb="8">
      <t>ホイクエン</t>
    </rPh>
    <phoneticPr fontId="1"/>
  </si>
  <si>
    <t>小田原市中町3丁目11番地33号</t>
    <rPh sb="0" eb="4">
      <t>オダワラシ</t>
    </rPh>
    <rPh sb="4" eb="6">
      <t>ナカチョウ</t>
    </rPh>
    <rPh sb="7" eb="9">
      <t>チョウメ</t>
    </rPh>
    <rPh sb="11" eb="13">
      <t>バンチ</t>
    </rPh>
    <rPh sb="15" eb="16">
      <t>ゴウ</t>
    </rPh>
    <phoneticPr fontId="1"/>
  </si>
  <si>
    <t>0465-33-6677</t>
    <phoneticPr fontId="1"/>
  </si>
  <si>
    <t>幼児教育・保育の無償化対象施設リスト（病児保育事業）</t>
    <rPh sb="19" eb="21">
      <t>ビョウジ</t>
    </rPh>
    <rPh sb="21" eb="23">
      <t>ホイク</t>
    </rPh>
    <rPh sb="23" eb="25">
      <t>ジギョウ</t>
    </rPh>
    <phoneticPr fontId="1"/>
  </si>
  <si>
    <t>0466-27-8250</t>
  </si>
  <si>
    <t>海老名市中央1-19-33-４Ａ</t>
    <phoneticPr fontId="1"/>
  </si>
  <si>
    <t>中央こども園病児・病後児
保育センター</t>
    <phoneticPr fontId="1"/>
  </si>
  <si>
    <t>横須賀市小川町20 すくすくかん１階</t>
  </si>
  <si>
    <t>046-824-6282</t>
    <phoneticPr fontId="1"/>
  </si>
  <si>
    <t>　　　　　　令和５年４月１日現在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2"/>
      <name val="ＭＳ 明朝"/>
      <family val="2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</fills>
  <borders count="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7">
    <xf numFmtId="0" fontId="0" fillId="0" borderId="0" xfId="0">
      <alignment vertical="center"/>
    </xf>
    <xf numFmtId="0" fontId="4" fillId="0" borderId="1" xfId="0" applyFont="1" applyFill="1" applyBorder="1" applyAlignment="1">
      <alignment horizontal="left" vertical="center"/>
    </xf>
    <xf numFmtId="0" fontId="4" fillId="0" borderId="1" xfId="0" applyFont="1" applyFill="1" applyBorder="1">
      <alignment vertical="center"/>
    </xf>
    <xf numFmtId="0" fontId="3" fillId="2" borderId="2" xfId="0" applyFont="1" applyFill="1" applyBorder="1" applyAlignment="1">
      <alignment horizontal="center" vertical="center"/>
    </xf>
    <xf numFmtId="0" fontId="4" fillId="2" borderId="3" xfId="0" applyFont="1" applyFill="1" applyBorder="1" applyAlignment="1">
      <alignment horizontal="center" vertical="center"/>
    </xf>
    <xf numFmtId="0" fontId="4" fillId="2" borderId="4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right" vertical="center"/>
    </xf>
    <xf numFmtId="0" fontId="3" fillId="0" borderId="1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 wrapText="1"/>
    </xf>
    <xf numFmtId="0" fontId="4" fillId="0" borderId="1" xfId="0" applyFont="1" applyFill="1" applyBorder="1" applyAlignment="1">
      <alignment vertical="center" shrinkToFit="1"/>
    </xf>
    <xf numFmtId="0" fontId="4" fillId="0" borderId="1" xfId="0" applyFont="1" applyFill="1" applyBorder="1" applyAlignment="1">
      <alignment vertical="center" wrapText="1" shrinkToFit="1"/>
    </xf>
    <xf numFmtId="0" fontId="4" fillId="0" borderId="1" xfId="0" applyFont="1" applyFill="1" applyBorder="1" applyAlignment="1">
      <alignment vertical="center" wrapText="1"/>
    </xf>
    <xf numFmtId="0" fontId="4" fillId="0" borderId="1" xfId="0" applyFont="1" applyFill="1" applyBorder="1" applyAlignment="1">
      <alignment horizontal="left" vertical="center" shrinkToFit="1"/>
    </xf>
    <xf numFmtId="0" fontId="4" fillId="0" borderId="1" xfId="0" applyFont="1" applyFill="1" applyBorder="1" applyAlignment="1">
      <alignment horizontal="left" vertical="center" wrapText="1" shrinkToFit="1"/>
    </xf>
    <xf numFmtId="0" fontId="4" fillId="0" borderId="0" xfId="0" applyFont="1" applyFill="1">
      <alignment vertical="center"/>
    </xf>
    <xf numFmtId="0" fontId="5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vertical="center"/>
    </xf>
  </cellXfs>
  <cellStyles count="1">
    <cellStyle name="標準" xfId="0" builtinId="0"/>
  </cellStyles>
  <dxfs count="11">
    <dxf>
      <font>
        <strike val="0"/>
        <outline val="0"/>
        <shadow val="0"/>
        <u val="none"/>
        <vertAlign val="baseline"/>
        <sz val="12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sz val="12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sz val="12"/>
        <color auto="1"/>
        <name val="ＭＳ 明朝"/>
        <scheme val="none"/>
      </font>
      <fill>
        <patternFill patternType="none">
          <fgColor indexed="64"/>
          <bgColor auto="1"/>
        </patternFill>
      </fill>
      <alignment vertical="center" textRotation="0" wrapText="1" indent="0" justifyLastLine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sz val="12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sz val="12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 style="thin">
          <color auto="1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sz val="12"/>
        <color auto="1"/>
        <name val="ＭＳ 明朝"/>
        <scheme val="none"/>
      </font>
      <fill>
        <patternFill patternType="none">
          <fgColor indexed="64"/>
          <bgColor auto="1"/>
        </patternFill>
      </fill>
      <alignment horizontal="right" vertical="center" textRotation="0" wrapText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border>
        <top style="thin">
          <color indexed="64"/>
        </top>
      </border>
    </dxf>
    <dxf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sz val="12"/>
        <color auto="1"/>
        <name val="ＭＳ 明朝"/>
        <scheme val="none"/>
      </font>
      <fill>
        <patternFill patternType="none">
          <fgColor indexed="64"/>
          <bgColor auto="1"/>
        </patternFill>
      </fill>
    </dxf>
    <dxf>
      <border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sz val="12"/>
        <color auto="1"/>
        <name val="ＭＳ 明朝"/>
        <scheme val="none"/>
      </font>
      <fill>
        <patternFill patternType="solid">
          <fgColor indexed="64"/>
          <bgColor theme="2" tint="-9.9978637043366805E-2"/>
        </patternFill>
      </fill>
      <alignment horizontal="center" vertical="center" textRotation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id="14" name="テーブル1315" displayName="テーブル1315" ref="A2:F47" totalsRowShown="0" headerRowDxfId="10" dataDxfId="8" headerRowBorderDxfId="9" tableBorderDxfId="7" totalsRowBorderDxfId="6">
  <autoFilter ref="A2:F47"/>
  <tableColumns count="6">
    <tableColumn id="1" name="No" dataDxfId="5"/>
    <tableColumn id="2" name="市町村名" dataDxfId="4"/>
    <tableColumn id="3" name="施設名" dataDxfId="3"/>
    <tableColumn id="4" name="住所" dataDxfId="2"/>
    <tableColumn id="8" name="電話" dataDxfId="1"/>
    <tableColumn id="6" name="備考" dataDxfId="0"/>
  </tableColumns>
  <tableStyleInfo name="TableStyleLight8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47"/>
  <sheetViews>
    <sheetView tabSelected="1" view="pageBreakPreview" zoomScale="60" zoomScaleNormal="70" workbookViewId="0">
      <selection activeCell="E15" sqref="E15"/>
    </sheetView>
  </sheetViews>
  <sheetFormatPr defaultRowHeight="14.4" x14ac:dyDescent="0.2"/>
  <cols>
    <col min="1" max="1" width="4.3984375" customWidth="1"/>
    <col min="2" max="2" width="11" customWidth="1"/>
    <col min="3" max="3" width="36.3984375" customWidth="1"/>
    <col min="4" max="4" width="40.3984375" customWidth="1"/>
    <col min="5" max="5" width="15.5" customWidth="1"/>
    <col min="6" max="6" width="14.09765625" customWidth="1"/>
  </cols>
  <sheetData>
    <row r="1" spans="1:6" ht="59.4" customHeight="1" x14ac:dyDescent="0.2">
      <c r="A1" s="16" t="s">
        <v>155</v>
      </c>
      <c r="B1" s="16"/>
      <c r="C1" s="16"/>
      <c r="D1" s="16"/>
      <c r="E1" s="15" t="s">
        <v>161</v>
      </c>
      <c r="F1" s="15"/>
    </row>
    <row r="2" spans="1:6" ht="40.5" customHeight="1" x14ac:dyDescent="0.2">
      <c r="A2" s="3" t="s">
        <v>0</v>
      </c>
      <c r="B2" s="4" t="s">
        <v>1</v>
      </c>
      <c r="C2" s="4" t="s">
        <v>5</v>
      </c>
      <c r="D2" s="4" t="s">
        <v>2</v>
      </c>
      <c r="E2" s="4" t="s">
        <v>4</v>
      </c>
      <c r="F2" s="5" t="s">
        <v>3</v>
      </c>
    </row>
    <row r="3" spans="1:6" ht="28.8" x14ac:dyDescent="0.2">
      <c r="A3" s="6">
        <v>1</v>
      </c>
      <c r="B3" s="7" t="s">
        <v>71</v>
      </c>
      <c r="C3" s="7" t="s">
        <v>72</v>
      </c>
      <c r="D3" s="8" t="s">
        <v>84</v>
      </c>
      <c r="E3" s="1" t="s">
        <v>144</v>
      </c>
      <c r="F3" s="1"/>
    </row>
    <row r="4" spans="1:6" x14ac:dyDescent="0.2">
      <c r="A4" s="6">
        <v>2</v>
      </c>
      <c r="B4" s="7" t="s">
        <v>71</v>
      </c>
      <c r="C4" s="7" t="s">
        <v>73</v>
      </c>
      <c r="D4" s="8" t="s">
        <v>74</v>
      </c>
      <c r="E4" s="1" t="s">
        <v>145</v>
      </c>
      <c r="F4" s="1"/>
    </row>
    <row r="5" spans="1:6" ht="28.8" x14ac:dyDescent="0.2">
      <c r="A5" s="6">
        <v>3</v>
      </c>
      <c r="B5" s="7" t="s">
        <v>71</v>
      </c>
      <c r="C5" s="7" t="s">
        <v>75</v>
      </c>
      <c r="D5" s="8" t="s">
        <v>85</v>
      </c>
      <c r="E5" s="1" t="s">
        <v>146</v>
      </c>
      <c r="F5" s="1"/>
    </row>
    <row r="6" spans="1:6" x14ac:dyDescent="0.2">
      <c r="A6" s="6">
        <v>4</v>
      </c>
      <c r="B6" s="7" t="s">
        <v>71</v>
      </c>
      <c r="C6" s="7" t="s">
        <v>76</v>
      </c>
      <c r="D6" s="8" t="s">
        <v>77</v>
      </c>
      <c r="E6" s="1" t="s">
        <v>147</v>
      </c>
      <c r="F6" s="1"/>
    </row>
    <row r="7" spans="1:6" x14ac:dyDescent="0.2">
      <c r="A7" s="6">
        <v>5</v>
      </c>
      <c r="B7" s="7" t="s">
        <v>71</v>
      </c>
      <c r="C7" s="7" t="s">
        <v>78</v>
      </c>
      <c r="D7" s="8" t="s">
        <v>79</v>
      </c>
      <c r="E7" s="1" t="s">
        <v>148</v>
      </c>
      <c r="F7" s="1"/>
    </row>
    <row r="8" spans="1:6" x14ac:dyDescent="0.2">
      <c r="A8" s="6">
        <v>6</v>
      </c>
      <c r="B8" s="7" t="s">
        <v>71</v>
      </c>
      <c r="C8" s="7" t="s">
        <v>80</v>
      </c>
      <c r="D8" s="8" t="s">
        <v>81</v>
      </c>
      <c r="E8" s="1" t="s">
        <v>149</v>
      </c>
      <c r="F8" s="1"/>
    </row>
    <row r="9" spans="1:6" x14ac:dyDescent="0.2">
      <c r="A9" s="6">
        <v>7</v>
      </c>
      <c r="B9" s="7" t="s">
        <v>71</v>
      </c>
      <c r="C9" s="7" t="s">
        <v>82</v>
      </c>
      <c r="D9" s="8" t="s">
        <v>83</v>
      </c>
      <c r="E9" s="1" t="s">
        <v>150</v>
      </c>
      <c r="F9" s="1"/>
    </row>
    <row r="10" spans="1:6" x14ac:dyDescent="0.2">
      <c r="A10" s="6">
        <v>8</v>
      </c>
      <c r="B10" s="1" t="s">
        <v>71</v>
      </c>
      <c r="C10" s="1" t="s">
        <v>142</v>
      </c>
      <c r="D10" s="8" t="s">
        <v>143</v>
      </c>
      <c r="E10" s="1" t="s">
        <v>151</v>
      </c>
      <c r="F10" s="1"/>
    </row>
    <row r="11" spans="1:6" x14ac:dyDescent="0.2">
      <c r="A11" s="6">
        <v>9</v>
      </c>
      <c r="B11" s="2" t="s">
        <v>38</v>
      </c>
      <c r="C11" s="9" t="s">
        <v>39</v>
      </c>
      <c r="D11" s="10" t="s">
        <v>44</v>
      </c>
      <c r="E11" s="2" t="s">
        <v>40</v>
      </c>
      <c r="F11" s="2"/>
    </row>
    <row r="12" spans="1:6" x14ac:dyDescent="0.2">
      <c r="A12" s="6">
        <v>10</v>
      </c>
      <c r="B12" s="2" t="s">
        <v>38</v>
      </c>
      <c r="C12" s="9" t="s">
        <v>41</v>
      </c>
      <c r="D12" s="10" t="s">
        <v>45</v>
      </c>
      <c r="E12" s="2" t="s">
        <v>42</v>
      </c>
      <c r="F12" s="2"/>
    </row>
    <row r="13" spans="1:6" ht="43.2" x14ac:dyDescent="0.2">
      <c r="A13" s="6">
        <v>11</v>
      </c>
      <c r="B13" s="2" t="s">
        <v>38</v>
      </c>
      <c r="C13" s="10" t="s">
        <v>43</v>
      </c>
      <c r="D13" s="10" t="s">
        <v>125</v>
      </c>
      <c r="E13" s="2" t="s">
        <v>114</v>
      </c>
      <c r="F13" s="2"/>
    </row>
    <row r="14" spans="1:6" ht="28.8" x14ac:dyDescent="0.2">
      <c r="A14" s="6">
        <v>12</v>
      </c>
      <c r="B14" s="2" t="s">
        <v>6</v>
      </c>
      <c r="C14" s="11" t="s">
        <v>137</v>
      </c>
      <c r="D14" s="11" t="s">
        <v>135</v>
      </c>
      <c r="E14" s="2" t="s">
        <v>115</v>
      </c>
      <c r="F14" s="2"/>
    </row>
    <row r="15" spans="1:6" ht="28.8" x14ac:dyDescent="0.2">
      <c r="A15" s="6">
        <v>13</v>
      </c>
      <c r="B15" s="2" t="s">
        <v>6</v>
      </c>
      <c r="C15" s="11" t="s">
        <v>158</v>
      </c>
      <c r="D15" s="14" t="s">
        <v>159</v>
      </c>
      <c r="E15" s="2" t="s">
        <v>160</v>
      </c>
      <c r="F15" s="2"/>
    </row>
    <row r="16" spans="1:6" x14ac:dyDescent="0.2">
      <c r="A16" s="6">
        <v>14</v>
      </c>
      <c r="B16" s="2" t="s">
        <v>7</v>
      </c>
      <c r="C16" s="2" t="s">
        <v>8</v>
      </c>
      <c r="D16" s="11" t="s">
        <v>46</v>
      </c>
      <c r="E16" s="2" t="s">
        <v>9</v>
      </c>
      <c r="F16" s="2"/>
    </row>
    <row r="17" spans="1:6" x14ac:dyDescent="0.2">
      <c r="A17" s="6">
        <v>15</v>
      </c>
      <c r="B17" s="2" t="s">
        <v>7</v>
      </c>
      <c r="C17" s="2" t="s">
        <v>116</v>
      </c>
      <c r="D17" s="11" t="s">
        <v>117</v>
      </c>
      <c r="E17" s="2" t="s">
        <v>118</v>
      </c>
      <c r="F17" s="2"/>
    </row>
    <row r="18" spans="1:6" x14ac:dyDescent="0.2">
      <c r="A18" s="6">
        <v>16</v>
      </c>
      <c r="B18" s="2" t="s">
        <v>62</v>
      </c>
      <c r="C18" s="2" t="s">
        <v>63</v>
      </c>
      <c r="D18" s="11" t="s">
        <v>64</v>
      </c>
      <c r="E18" s="2" t="s">
        <v>65</v>
      </c>
      <c r="F18" s="2"/>
    </row>
    <row r="19" spans="1:6" ht="28.8" x14ac:dyDescent="0.2">
      <c r="A19" s="6">
        <v>17</v>
      </c>
      <c r="B19" s="2" t="s">
        <v>62</v>
      </c>
      <c r="C19" s="11" t="s">
        <v>66</v>
      </c>
      <c r="D19" s="11" t="s">
        <v>86</v>
      </c>
      <c r="E19" s="2" t="s">
        <v>67</v>
      </c>
      <c r="F19" s="2"/>
    </row>
    <row r="20" spans="1:6" x14ac:dyDescent="0.2">
      <c r="A20" s="6">
        <v>18</v>
      </c>
      <c r="B20" s="12" t="s">
        <v>52</v>
      </c>
      <c r="C20" s="12" t="s">
        <v>53</v>
      </c>
      <c r="D20" s="13" t="s">
        <v>87</v>
      </c>
      <c r="E20" s="12" t="s">
        <v>54</v>
      </c>
      <c r="F20" s="12"/>
    </row>
    <row r="21" spans="1:6" x14ac:dyDescent="0.2">
      <c r="A21" s="6">
        <v>19</v>
      </c>
      <c r="B21" s="12" t="s">
        <v>52</v>
      </c>
      <c r="C21" s="12" t="s">
        <v>55</v>
      </c>
      <c r="D21" s="13" t="s">
        <v>88</v>
      </c>
      <c r="E21" s="12" t="s">
        <v>56</v>
      </c>
      <c r="F21" s="12"/>
    </row>
    <row r="22" spans="1:6" ht="28.8" x14ac:dyDescent="0.2">
      <c r="A22" s="6">
        <v>20</v>
      </c>
      <c r="B22" s="12" t="s">
        <v>52</v>
      </c>
      <c r="C22" s="12" t="s">
        <v>57</v>
      </c>
      <c r="D22" s="13" t="s">
        <v>89</v>
      </c>
      <c r="E22" s="12" t="s">
        <v>58</v>
      </c>
      <c r="F22" s="12"/>
    </row>
    <row r="23" spans="1:6" ht="28.8" x14ac:dyDescent="0.2">
      <c r="A23" s="6">
        <v>21</v>
      </c>
      <c r="B23" s="1" t="s">
        <v>52</v>
      </c>
      <c r="C23" s="2" t="s">
        <v>98</v>
      </c>
      <c r="D23" s="11" t="s">
        <v>139</v>
      </c>
      <c r="E23" s="1" t="s">
        <v>99</v>
      </c>
      <c r="F23" s="2"/>
    </row>
    <row r="24" spans="1:6" x14ac:dyDescent="0.2">
      <c r="A24" s="6">
        <v>22</v>
      </c>
      <c r="B24" s="1" t="s">
        <v>52</v>
      </c>
      <c r="C24" s="2" t="s">
        <v>100</v>
      </c>
      <c r="D24" s="11" t="s">
        <v>128</v>
      </c>
      <c r="E24" s="1" t="s">
        <v>101</v>
      </c>
      <c r="F24" s="2"/>
    </row>
    <row r="25" spans="1:6" x14ac:dyDescent="0.2">
      <c r="A25" s="6">
        <v>23</v>
      </c>
      <c r="B25" s="1" t="s">
        <v>52</v>
      </c>
      <c r="C25" s="2" t="s">
        <v>119</v>
      </c>
      <c r="D25" s="11" t="s">
        <v>129</v>
      </c>
      <c r="E25" s="1" t="s">
        <v>156</v>
      </c>
      <c r="F25" s="2"/>
    </row>
    <row r="26" spans="1:6" x14ac:dyDescent="0.2">
      <c r="A26" s="6">
        <v>24</v>
      </c>
      <c r="B26" s="2" t="s">
        <v>10</v>
      </c>
      <c r="C26" s="2" t="s">
        <v>11</v>
      </c>
      <c r="D26" s="11" t="s">
        <v>47</v>
      </c>
      <c r="E26" s="2" t="s">
        <v>12</v>
      </c>
      <c r="F26" s="2"/>
    </row>
    <row r="27" spans="1:6" x14ac:dyDescent="0.2">
      <c r="A27" s="6">
        <v>25</v>
      </c>
      <c r="B27" s="2" t="s">
        <v>10</v>
      </c>
      <c r="C27" s="2" t="s">
        <v>13</v>
      </c>
      <c r="D27" s="11" t="s">
        <v>48</v>
      </c>
      <c r="E27" s="2" t="s">
        <v>14</v>
      </c>
      <c r="F27" s="2"/>
    </row>
    <row r="28" spans="1:6" x14ac:dyDescent="0.2">
      <c r="A28" s="6">
        <v>26</v>
      </c>
      <c r="B28" s="2" t="s">
        <v>10</v>
      </c>
      <c r="C28" s="2" t="s">
        <v>15</v>
      </c>
      <c r="D28" s="11" t="s">
        <v>49</v>
      </c>
      <c r="E28" s="2" t="s">
        <v>16</v>
      </c>
      <c r="F28" s="2"/>
    </row>
    <row r="29" spans="1:6" ht="28.8" x14ac:dyDescent="0.2">
      <c r="A29" s="6">
        <v>27</v>
      </c>
      <c r="B29" s="2" t="s">
        <v>10</v>
      </c>
      <c r="C29" s="11" t="s">
        <v>136</v>
      </c>
      <c r="D29" s="11" t="s">
        <v>130</v>
      </c>
      <c r="E29" s="2" t="s">
        <v>120</v>
      </c>
      <c r="F29" s="2"/>
    </row>
    <row r="30" spans="1:6" x14ac:dyDescent="0.2">
      <c r="A30" s="6">
        <v>28</v>
      </c>
      <c r="B30" s="2" t="s">
        <v>10</v>
      </c>
      <c r="C30" s="2" t="s">
        <v>152</v>
      </c>
      <c r="D30" s="2" t="s">
        <v>153</v>
      </c>
      <c r="E30" s="2" t="s">
        <v>154</v>
      </c>
      <c r="F30" s="2"/>
    </row>
    <row r="31" spans="1:6" x14ac:dyDescent="0.2">
      <c r="A31" s="6">
        <v>29</v>
      </c>
      <c r="B31" s="2" t="s">
        <v>69</v>
      </c>
      <c r="C31" s="2" t="s">
        <v>70</v>
      </c>
      <c r="D31" s="11" t="s">
        <v>90</v>
      </c>
      <c r="E31" s="2" t="s">
        <v>121</v>
      </c>
      <c r="F31" s="2"/>
    </row>
    <row r="32" spans="1:6" ht="28.8" x14ac:dyDescent="0.2">
      <c r="A32" s="6">
        <v>30</v>
      </c>
      <c r="B32" s="2" t="s">
        <v>102</v>
      </c>
      <c r="C32" s="10" t="s">
        <v>103</v>
      </c>
      <c r="D32" s="11" t="s">
        <v>104</v>
      </c>
      <c r="E32" s="2" t="s">
        <v>105</v>
      </c>
      <c r="F32" s="2"/>
    </row>
    <row r="33" spans="1:6" x14ac:dyDescent="0.2">
      <c r="A33" s="6">
        <v>31</v>
      </c>
      <c r="B33" s="2" t="s">
        <v>102</v>
      </c>
      <c r="C33" s="2" t="s">
        <v>106</v>
      </c>
      <c r="D33" s="11" t="s">
        <v>107</v>
      </c>
      <c r="E33" s="2" t="s">
        <v>108</v>
      </c>
      <c r="F33" s="2"/>
    </row>
    <row r="34" spans="1:6" x14ac:dyDescent="0.2">
      <c r="A34" s="6">
        <v>32</v>
      </c>
      <c r="B34" s="2" t="s">
        <v>59</v>
      </c>
      <c r="C34" s="9" t="s">
        <v>60</v>
      </c>
      <c r="D34" s="11" t="s">
        <v>91</v>
      </c>
      <c r="E34" s="2" t="s">
        <v>61</v>
      </c>
      <c r="F34" s="2"/>
    </row>
    <row r="35" spans="1:6" ht="28.8" x14ac:dyDescent="0.2">
      <c r="A35" s="6">
        <v>33</v>
      </c>
      <c r="B35" s="2" t="s">
        <v>27</v>
      </c>
      <c r="C35" s="11" t="s">
        <v>138</v>
      </c>
      <c r="D35" s="11" t="s">
        <v>28</v>
      </c>
      <c r="E35" s="2" t="s">
        <v>29</v>
      </c>
      <c r="F35" s="2"/>
    </row>
    <row r="36" spans="1:6" ht="28.8" x14ac:dyDescent="0.2">
      <c r="A36" s="6">
        <v>34</v>
      </c>
      <c r="B36" s="2" t="s">
        <v>27</v>
      </c>
      <c r="C36" s="11" t="s">
        <v>141</v>
      </c>
      <c r="D36" s="11" t="s">
        <v>50</v>
      </c>
      <c r="E36" s="2" t="s">
        <v>140</v>
      </c>
      <c r="F36" s="2"/>
    </row>
    <row r="37" spans="1:6" x14ac:dyDescent="0.2">
      <c r="A37" s="6">
        <v>35</v>
      </c>
      <c r="B37" s="2" t="s">
        <v>19</v>
      </c>
      <c r="C37" s="2" t="s">
        <v>20</v>
      </c>
      <c r="D37" s="11" t="s">
        <v>131</v>
      </c>
      <c r="E37" s="2" t="s">
        <v>21</v>
      </c>
      <c r="F37" s="2"/>
    </row>
    <row r="38" spans="1:6" x14ac:dyDescent="0.2">
      <c r="A38" s="6">
        <v>36</v>
      </c>
      <c r="B38" s="2" t="s">
        <v>19</v>
      </c>
      <c r="C38" s="2" t="s">
        <v>22</v>
      </c>
      <c r="D38" s="11" t="s">
        <v>23</v>
      </c>
      <c r="E38" s="2" t="s">
        <v>24</v>
      </c>
      <c r="F38" s="2"/>
    </row>
    <row r="39" spans="1:6" x14ac:dyDescent="0.2">
      <c r="A39" s="6">
        <v>37</v>
      </c>
      <c r="B39" s="2" t="s">
        <v>19</v>
      </c>
      <c r="C39" s="2" t="s">
        <v>126</v>
      </c>
      <c r="D39" s="11" t="s">
        <v>25</v>
      </c>
      <c r="E39" s="2" t="s">
        <v>26</v>
      </c>
      <c r="F39" s="2"/>
    </row>
    <row r="40" spans="1:6" ht="28.8" x14ac:dyDescent="0.2">
      <c r="A40" s="6">
        <v>38</v>
      </c>
      <c r="B40" s="2" t="s">
        <v>36</v>
      </c>
      <c r="C40" s="11" t="s">
        <v>37</v>
      </c>
      <c r="D40" s="11" t="s">
        <v>34</v>
      </c>
      <c r="E40" s="2" t="s">
        <v>35</v>
      </c>
      <c r="F40" s="2"/>
    </row>
    <row r="41" spans="1:6" ht="28.8" x14ac:dyDescent="0.2">
      <c r="A41" s="6">
        <v>39</v>
      </c>
      <c r="B41" s="2" t="s">
        <v>122</v>
      </c>
      <c r="C41" s="11" t="s">
        <v>123</v>
      </c>
      <c r="D41" s="11" t="s">
        <v>157</v>
      </c>
      <c r="E41" s="2" t="s">
        <v>124</v>
      </c>
      <c r="F41" s="2"/>
    </row>
    <row r="42" spans="1:6" ht="28.8" x14ac:dyDescent="0.2">
      <c r="A42" s="6">
        <v>40</v>
      </c>
      <c r="B42" s="2" t="s">
        <v>109</v>
      </c>
      <c r="C42" s="11" t="s">
        <v>110</v>
      </c>
      <c r="D42" s="11" t="s">
        <v>132</v>
      </c>
      <c r="E42" s="2" t="s">
        <v>111</v>
      </c>
      <c r="F42" s="2"/>
    </row>
    <row r="43" spans="1:6" ht="28.8" x14ac:dyDescent="0.2">
      <c r="A43" s="6">
        <v>41</v>
      </c>
      <c r="B43" s="2" t="s">
        <v>109</v>
      </c>
      <c r="C43" s="2" t="s">
        <v>112</v>
      </c>
      <c r="D43" s="11" t="s">
        <v>133</v>
      </c>
      <c r="E43" s="2" t="s">
        <v>113</v>
      </c>
      <c r="F43" s="2"/>
    </row>
    <row r="44" spans="1:6" x14ac:dyDescent="0.2">
      <c r="A44" s="6">
        <v>42</v>
      </c>
      <c r="B44" s="2" t="s">
        <v>92</v>
      </c>
      <c r="C44" s="2" t="s">
        <v>127</v>
      </c>
      <c r="D44" s="11" t="s">
        <v>134</v>
      </c>
      <c r="E44" s="2" t="s">
        <v>93</v>
      </c>
      <c r="F44" s="2"/>
    </row>
    <row r="45" spans="1:6" x14ac:dyDescent="0.2">
      <c r="A45" s="6">
        <v>43</v>
      </c>
      <c r="B45" s="2" t="s">
        <v>94</v>
      </c>
      <c r="C45" s="9" t="s">
        <v>95</v>
      </c>
      <c r="D45" s="11" t="s">
        <v>96</v>
      </c>
      <c r="E45" s="9" t="s">
        <v>97</v>
      </c>
      <c r="F45" s="2"/>
    </row>
    <row r="46" spans="1:6" x14ac:dyDescent="0.2">
      <c r="A46" s="6">
        <v>44</v>
      </c>
      <c r="B46" s="2" t="s">
        <v>17</v>
      </c>
      <c r="C46" s="2" t="s">
        <v>68</v>
      </c>
      <c r="D46" s="11" t="s">
        <v>33</v>
      </c>
      <c r="E46" s="7" t="s">
        <v>18</v>
      </c>
      <c r="F46" s="2"/>
    </row>
    <row r="47" spans="1:6" ht="28.8" x14ac:dyDescent="0.2">
      <c r="A47" s="6">
        <v>45</v>
      </c>
      <c r="B47" s="2" t="s">
        <v>30</v>
      </c>
      <c r="C47" s="2" t="s">
        <v>31</v>
      </c>
      <c r="D47" s="11" t="s">
        <v>51</v>
      </c>
      <c r="E47" s="1" t="s">
        <v>32</v>
      </c>
      <c r="F47" s="2"/>
    </row>
  </sheetData>
  <mergeCells count="2">
    <mergeCell ref="E1:F1"/>
    <mergeCell ref="A1:D1"/>
  </mergeCells>
  <phoneticPr fontId="1"/>
  <dataValidations count="1">
    <dataValidation imeMode="hiragana" allowBlank="1" showInputMessage="1" showErrorMessage="1" sqref="C13:D13"/>
  </dataValidations>
  <pageMargins left="0.70866141732283472" right="0.70866141732283472" top="0.74803149606299213" bottom="0.74803149606299213" header="0.31496062992125984" footer="0.31496062992125984"/>
  <pageSetup paperSize="9" orientation="landscape" r:id="rId1"/>
  <tableParts count="1">
    <tablePart r:id="rId2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病児保育</vt:lpstr>
      <vt:lpstr>病児保育!Print_Area</vt:lpstr>
      <vt:lpstr>病児保育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2-08-16T04:33:04Z</cp:lastPrinted>
  <dcterms:modified xsi:type="dcterms:W3CDTF">2023-09-27T02:38:17Z</dcterms:modified>
</cp:coreProperties>
</file>